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5FCDE20" w14:textId="77777777" w:rsidR="00342923" w:rsidRPr="00342923" w:rsidRDefault="00342923" w:rsidP="00342923">
      <w:pPr>
        <w:pStyle w:val="Overskrift1"/>
        <w:spacing w:before="0"/>
        <w:rPr>
          <w:rFonts w:ascii="Times New Roman" w:hAnsi="Times New Roman" w:cs="Times New Roman"/>
        </w:rPr>
      </w:pPr>
      <w:r w:rsidRPr="00342923">
        <w:rPr>
          <w:rFonts w:ascii="Times New Roman" w:hAnsi="Times New Roman" w:cs="Times New Roman"/>
        </w:rPr>
        <w:t>Supplementary</w:t>
      </w:r>
    </w:p>
    <w:p w14:paraId="50E21969" w14:textId="77777777" w:rsidR="00342923" w:rsidRPr="00342923" w:rsidRDefault="00342923" w:rsidP="00342923">
      <w:pPr>
        <w:rPr>
          <w:lang w:eastAsia="en-US"/>
        </w:rPr>
      </w:pPr>
    </w:p>
    <w:p w14:paraId="0CF5BC4C" w14:textId="77777777" w:rsidR="00342923" w:rsidRPr="00342923" w:rsidRDefault="00342923" w:rsidP="00342923">
      <w:pPr>
        <w:rPr>
          <w:lang w:eastAsia="en-US"/>
        </w:rPr>
      </w:pPr>
      <w:r w:rsidRPr="00342923">
        <w:rPr>
          <w:rStyle w:val="Overskrift2Tegn"/>
          <w:rFonts w:ascii="Times New Roman" w:hAnsi="Times New Roman" w:cs="Times New Roman"/>
          <w:iCs/>
        </w:rPr>
        <w:t>eTable 1.</w:t>
      </w:r>
      <w:r w:rsidRPr="00342923">
        <w:rPr>
          <w:rStyle w:val="Overskrift2Tegn"/>
          <w:rFonts w:ascii="Times New Roman" w:hAnsi="Times New Roman" w:cs="Times New Roman"/>
          <w:iCs/>
          <w:sz w:val="20"/>
          <w:szCs w:val="20"/>
        </w:rPr>
        <w:t xml:space="preserve"> </w:t>
      </w:r>
      <w:r w:rsidRPr="00342923">
        <w:t>Overview of diagnosis and procedure codes</w:t>
      </w:r>
    </w:p>
    <w:tbl>
      <w:tblPr>
        <w:tblStyle w:val="Almindeligtabel4"/>
        <w:tblW w:w="0" w:type="auto"/>
        <w:tbl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single" w:sz="8" w:space="0" w:color="F2F2F2" w:themeColor="background1" w:themeShade="F2"/>
          <w:insideV w:val="single" w:sz="8" w:space="0" w:color="F2F2F2" w:themeColor="background1" w:themeShade="F2"/>
        </w:tblBorders>
        <w:shd w:val="clear" w:color="auto" w:fill="FFFFFF" w:themeFill="background1"/>
        <w:tblLook w:val="04A0" w:firstRow="1" w:lastRow="0" w:firstColumn="1" w:lastColumn="0" w:noHBand="0" w:noVBand="1"/>
      </w:tblPr>
      <w:tblGrid>
        <w:gridCol w:w="4169"/>
        <w:gridCol w:w="4721"/>
      </w:tblGrid>
      <w:tr w:rsidR="00342923" w:rsidRPr="00342923" w14:paraId="3C1ED15D" w14:textId="77777777" w:rsidTr="00FC185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46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top w:val="single" w:sz="4" w:space="0" w:color="002D56" w:themeColor="background2" w:themeShade="BF"/>
              <w:left w:val="single" w:sz="4" w:space="0" w:color="002D56" w:themeColor="background2" w:themeShade="BF"/>
              <w:bottom w:val="single" w:sz="8" w:space="0" w:color="B6E3F8" w:themeColor="accent3" w:themeTint="99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A455958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</w:rPr>
            </w:pPr>
            <w:r w:rsidRPr="00342923">
              <w:rPr>
                <w:rFonts w:ascii="Times New Roman" w:hAnsi="Times New Roman" w:cs="Times New Roman"/>
              </w:rPr>
              <w:t>Disease/Procedure</w:t>
            </w:r>
          </w:p>
        </w:tc>
        <w:tc>
          <w:tcPr>
            <w:tcW w:w="0" w:type="auto"/>
            <w:tcBorders>
              <w:top w:val="single" w:sz="4" w:space="0" w:color="002D56" w:themeColor="background2" w:themeShade="BF"/>
              <w:left w:val="single" w:sz="8" w:space="0" w:color="B6E3F8" w:themeColor="accent3" w:themeTint="99"/>
              <w:bottom w:val="single" w:sz="8" w:space="0" w:color="B6E3F8" w:themeColor="accent3" w:themeTint="99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6181657A" w14:textId="77777777" w:rsidR="00342923" w:rsidRPr="00342923" w:rsidRDefault="00342923" w:rsidP="00FC1850">
            <w:pPr>
              <w:pStyle w:val="Ingenafstand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 or NOMESCO</w:t>
            </w:r>
          </w:p>
        </w:tc>
      </w:tr>
      <w:tr w:rsidR="00342923" w:rsidRPr="00342923" w14:paraId="3F62DE89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top w:val="single" w:sz="8" w:space="0" w:color="B6E3F8" w:themeColor="accent3" w:themeTint="99"/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0552A0AD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</w:rPr>
            </w:pPr>
            <w:r w:rsidRPr="00342923">
              <w:rPr>
                <w:rFonts w:ascii="Times New Roman" w:hAnsi="Times New Roman" w:cs="Times New Roman"/>
                <w:b w:val="0"/>
              </w:rPr>
              <w:t>1. Amyloidosis</w:t>
            </w:r>
          </w:p>
        </w:tc>
        <w:tc>
          <w:tcPr>
            <w:tcW w:w="0" w:type="auto"/>
            <w:tcBorders>
              <w:top w:val="single" w:sz="8" w:space="0" w:color="B6E3F8" w:themeColor="accent3" w:themeTint="99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4DEAAFB0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x</w:t>
            </w:r>
          </w:p>
        </w:tc>
      </w:tr>
      <w:tr w:rsidR="00342923" w:rsidRPr="00342923" w14:paraId="6CC1F38A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F000150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4E3F4835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</w:t>
            </w:r>
          </w:p>
        </w:tc>
      </w:tr>
      <w:tr w:rsidR="00342923" w:rsidRPr="00342923" w14:paraId="0C739C4A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67A8F09D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Non-neuropathic hereditary 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57239E0F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0 (DE850A excluded)</w:t>
            </w:r>
          </w:p>
        </w:tc>
      </w:tr>
      <w:tr w:rsidR="00342923" w:rsidRPr="00342923" w14:paraId="2E3BC684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A3F7981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Hereditary nerve-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002533AB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1</w:t>
            </w:r>
          </w:p>
        </w:tc>
      </w:tr>
      <w:tr w:rsidR="00342923" w:rsidRPr="00342923" w14:paraId="667EF96A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63B93EA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Amyloidosis with polyneuropathy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76A657B0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1A</w:t>
            </w:r>
          </w:p>
        </w:tc>
      </w:tr>
      <w:tr w:rsidR="00342923" w:rsidRPr="00342923" w14:paraId="6DAD0EA3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303348BA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Hereditary amyloidosis, unspecified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3A79CCA8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2</w:t>
            </w:r>
          </w:p>
        </w:tc>
      </w:tr>
      <w:tr w:rsidR="00342923" w:rsidRPr="00342923" w14:paraId="751D8B35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2317799B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Secondary systemic 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56A0E27C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3</w:t>
            </w:r>
          </w:p>
        </w:tc>
      </w:tr>
      <w:tr w:rsidR="00342923" w:rsidRPr="00342923" w14:paraId="100BD632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09725A22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Organ-limited 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02F870CB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4</w:t>
            </w:r>
          </w:p>
        </w:tc>
      </w:tr>
      <w:tr w:rsidR="00342923" w:rsidRPr="00342923" w14:paraId="0E736ADF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3124E35B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Other 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6F32E476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8</w:t>
            </w:r>
          </w:p>
        </w:tc>
      </w:tr>
      <w:tr w:rsidR="00342923" w:rsidRPr="00342923" w14:paraId="1361A99C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7CD7A4FB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Light chain amyloid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77E12552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8A</w:t>
            </w:r>
          </w:p>
        </w:tc>
      </w:tr>
      <w:tr w:rsidR="00342923" w:rsidRPr="00342923" w14:paraId="09A40D6A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24B49207" w14:textId="77777777" w:rsidR="00342923" w:rsidRPr="00342923" w:rsidRDefault="00342923" w:rsidP="00342923">
            <w:pPr>
              <w:pStyle w:val="Ingenafstand"/>
              <w:numPr>
                <w:ilvl w:val="0"/>
                <w:numId w:val="24"/>
              </w:numPr>
              <w:ind w:left="0" w:firstLine="0"/>
              <w:jc w:val="left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  <w:kern w:val="2"/>
                <w14:ligatures w14:val="standardContextual"/>
              </w:rPr>
              <w:t>Amyloidosis, unspecified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3E52CD8A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E859</w:t>
            </w:r>
          </w:p>
        </w:tc>
      </w:tr>
      <w:tr w:rsidR="00342923" w:rsidRPr="00342923" w14:paraId="43DACA33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75A34CA8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2. Spinal sten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14C0CF3B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M480</w:t>
            </w:r>
          </w:p>
        </w:tc>
      </w:tr>
      <w:tr w:rsidR="00342923" w:rsidRPr="00342923" w14:paraId="1DBF5A68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3B8BD01C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3. Knee arthr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7DBB83E1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M17x</w:t>
            </w:r>
          </w:p>
        </w:tc>
      </w:tr>
      <w:tr w:rsidR="00342923" w:rsidRPr="00342923" w14:paraId="35D4FD55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50FC116F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4. Hip arthrosis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7135BE5E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DM16x</w:t>
            </w:r>
          </w:p>
        </w:tc>
      </w:tr>
      <w:tr w:rsidR="00342923" w:rsidRPr="00342923" w14:paraId="1087CF4E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7076FFC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5. Achilles tendon ruptur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035FE2AE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 xml:space="preserve">ICD-10: </w:t>
            </w:r>
            <w:r w:rsidRPr="00342923">
              <w:rPr>
                <w:rFonts w:ascii="Times New Roman" w:hAnsi="Times New Roman" w:cs="Times New Roman"/>
                <w:iCs/>
              </w:rPr>
              <w:t>DS860 DS860A</w:t>
            </w:r>
          </w:p>
        </w:tc>
      </w:tr>
      <w:tr w:rsidR="00342923" w:rsidRPr="00342923" w14:paraId="44456FFF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528AF9D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6. Biceps tendon ruptur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44E5F06D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 xml:space="preserve">ICD-10: </w:t>
            </w:r>
            <w:r w:rsidRPr="00342923">
              <w:rPr>
                <w:rFonts w:ascii="Times New Roman" w:hAnsi="Times New Roman" w:cs="Times New Roman"/>
                <w:iCs/>
              </w:rPr>
              <w:t xml:space="preserve">DS461X, </w:t>
            </w:r>
            <w:r w:rsidRPr="00342923">
              <w:rPr>
                <w:rFonts w:ascii="Times New Roman" w:hAnsi="Times New Roman" w:cs="Times New Roman"/>
              </w:rPr>
              <w:t>DS462X</w:t>
            </w:r>
          </w:p>
        </w:tc>
      </w:tr>
      <w:tr w:rsidR="00342923" w:rsidRPr="00342923" w14:paraId="2048D59A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36E660C7" w14:textId="6ED243EC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7. Rotator</w:t>
            </w:r>
            <w:r w:rsidR="0027476E">
              <w:rPr>
                <w:rFonts w:ascii="Times New Roman" w:hAnsi="Times New Roman" w:cs="Times New Roman"/>
                <w:b w:val="0"/>
                <w:bCs w:val="0"/>
              </w:rPr>
              <w:t>-</w:t>
            </w:r>
            <w:r w:rsidRPr="00342923">
              <w:rPr>
                <w:rFonts w:ascii="Times New Roman" w:hAnsi="Times New Roman" w:cs="Times New Roman"/>
                <w:b w:val="0"/>
                <w:bCs w:val="0"/>
              </w:rPr>
              <w:t>cuff</w:t>
            </w:r>
            <w:r w:rsidR="0027476E">
              <w:rPr>
                <w:rFonts w:ascii="Times New Roman" w:hAnsi="Times New Roman" w:cs="Times New Roman"/>
                <w:b w:val="0"/>
                <w:bCs w:val="0"/>
              </w:rPr>
              <w:t xml:space="preserve"> tendon</w:t>
            </w:r>
            <w:r w:rsidRPr="00342923">
              <w:rPr>
                <w:rFonts w:ascii="Times New Roman" w:hAnsi="Times New Roman" w:cs="Times New Roman"/>
                <w:b w:val="0"/>
                <w:bCs w:val="0"/>
              </w:rPr>
              <w:t xml:space="preserve"> ruptur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3F1B95A6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lang w:val="da-DK"/>
              </w:rPr>
            </w:pPr>
            <w:r w:rsidRPr="00342923">
              <w:rPr>
                <w:rFonts w:ascii="Times New Roman" w:hAnsi="Times New Roman" w:cs="Times New Roman"/>
                <w:lang w:val="da-DK"/>
              </w:rPr>
              <w:t>ICD-10: DS460x, DS467B1, DS467D1, DM751C</w:t>
            </w:r>
            <w:r w:rsidRPr="00342923">
              <w:rPr>
                <w:rFonts w:ascii="Times New Roman" w:hAnsi="Times New Roman" w:cs="Times New Roman"/>
                <w:color w:val="000000"/>
                <w:lang w:val="da-DK"/>
              </w:rPr>
              <w:t>.</w:t>
            </w:r>
          </w:p>
        </w:tc>
      </w:tr>
      <w:tr w:rsidR="00342923" w:rsidRPr="00342923" w14:paraId="4A3E3C51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253735AF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8. Carpal tunnel syndrom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52135204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lang w:val="it-IT"/>
              </w:rPr>
            </w:pPr>
            <w:r w:rsidRPr="00342923">
              <w:rPr>
                <w:rFonts w:ascii="Times New Roman" w:hAnsi="Times New Roman" w:cs="Times New Roman"/>
                <w:lang w:val="it-IT"/>
              </w:rPr>
              <w:t>ICD-10: G56.0 NOMESCO: KACC51, KACC61</w:t>
            </w:r>
          </w:p>
        </w:tc>
      </w:tr>
      <w:tr w:rsidR="00342923" w:rsidRPr="00342923" w14:paraId="4737F36E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509CD999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9. Heart failur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2C54AB2F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I110, I130, I132, I50x</w:t>
            </w:r>
          </w:p>
        </w:tc>
      </w:tr>
      <w:tr w:rsidR="00342923" w:rsidRPr="00342923" w14:paraId="599D3290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48829622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10. Cardiomyopathy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54C661A7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lang w:val="da-DK"/>
              </w:rPr>
            </w:pPr>
            <w:r w:rsidRPr="00342923">
              <w:rPr>
                <w:rFonts w:ascii="Times New Roman" w:hAnsi="Times New Roman" w:cs="Times New Roman"/>
                <w:lang w:val="da-DK"/>
              </w:rPr>
              <w:t xml:space="preserve">ICD-10: I421, I422, I425, I428, I429, I431, I438, </w:t>
            </w:r>
            <w:r w:rsidRPr="00342923">
              <w:rPr>
                <w:rFonts w:ascii="Times New Roman" w:hAnsi="Times New Roman" w:cs="Times New Roman"/>
                <w:color w:val="002E2E"/>
                <w:shd w:val="clear" w:color="auto" w:fill="FFFFFF"/>
                <w:lang w:val="da-DK"/>
              </w:rPr>
              <w:t>I517C</w:t>
            </w:r>
          </w:p>
        </w:tc>
      </w:tr>
      <w:tr w:rsidR="00342923" w:rsidRPr="00342923" w14:paraId="5E366844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7EA9918E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11. Pacemaker/ICD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4A41ED38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NOMESCO: BFCA0x, BFCA6x, BFCB0, BFCB6</w:t>
            </w:r>
          </w:p>
        </w:tc>
      </w:tr>
      <w:tr w:rsidR="00342923" w:rsidRPr="00342923" w14:paraId="210E15C0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684ADA42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12. Atrial fibrillation or flutter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1AA402DA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ICD-10: I48x</w:t>
            </w:r>
          </w:p>
        </w:tc>
      </w:tr>
      <w:tr w:rsidR="00342923" w:rsidRPr="00342923" w14:paraId="63DDDF0D" w14:textId="77777777" w:rsidTr="00FC185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34653533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13. Any ATTRwt-associated orthopedic diseas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8" w:space="0" w:color="F2F2F2" w:themeColor="background1" w:themeShade="F2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29B6C630" w14:textId="77777777" w:rsidR="00342923" w:rsidRPr="00342923" w:rsidRDefault="00342923" w:rsidP="00FC1850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Any of ICD-10/NOMESCO for disease-/procedure 2-8</w:t>
            </w:r>
          </w:p>
        </w:tc>
      </w:tr>
      <w:tr w:rsidR="00342923" w:rsidRPr="00342923" w14:paraId="7B71EB04" w14:textId="77777777" w:rsidTr="00FC1850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auto"/>
            <w:tcBorders>
              <w:left w:val="single" w:sz="4" w:space="0" w:color="002D56" w:themeColor="background2" w:themeShade="BF"/>
              <w:bottom w:val="single" w:sz="4" w:space="0" w:color="002D56" w:themeColor="background2" w:themeShade="BF"/>
              <w:right w:val="single" w:sz="8" w:space="0" w:color="B6E3F8" w:themeColor="accent3" w:themeTint="99"/>
            </w:tcBorders>
            <w:shd w:val="clear" w:color="auto" w:fill="FFFFFF" w:themeFill="background1"/>
            <w:vAlign w:val="center"/>
          </w:tcPr>
          <w:p w14:paraId="51C2D7BA" w14:textId="77777777" w:rsidR="00342923" w:rsidRPr="00342923" w:rsidRDefault="00342923" w:rsidP="00FC1850">
            <w:pPr>
              <w:pStyle w:val="Ingenafstand"/>
              <w:rPr>
                <w:rFonts w:ascii="Times New Roman" w:hAnsi="Times New Roman" w:cs="Times New Roman"/>
                <w:b w:val="0"/>
                <w:bCs w:val="0"/>
              </w:rPr>
            </w:pPr>
            <w:r w:rsidRPr="00342923">
              <w:rPr>
                <w:rFonts w:ascii="Times New Roman" w:hAnsi="Times New Roman" w:cs="Times New Roman"/>
                <w:b w:val="0"/>
                <w:bCs w:val="0"/>
              </w:rPr>
              <w:t>14. Any ATTRwt-associated cardiac disease</w:t>
            </w:r>
          </w:p>
        </w:tc>
        <w:tc>
          <w:tcPr>
            <w:tcW w:w="0" w:type="auto"/>
            <w:tcBorders>
              <w:top w:val="single" w:sz="8" w:space="0" w:color="F2F2F2" w:themeColor="background1" w:themeShade="F2"/>
              <w:left w:val="single" w:sz="8" w:space="0" w:color="B6E3F8" w:themeColor="accent3" w:themeTint="99"/>
              <w:bottom w:val="single" w:sz="4" w:space="0" w:color="002D56" w:themeColor="background2" w:themeShade="BF"/>
              <w:right w:val="single" w:sz="4" w:space="0" w:color="002D56" w:themeColor="background2" w:themeShade="BF"/>
            </w:tcBorders>
            <w:shd w:val="clear" w:color="auto" w:fill="FFFFFF" w:themeFill="background1"/>
            <w:vAlign w:val="center"/>
          </w:tcPr>
          <w:p w14:paraId="3ADAEAE3" w14:textId="77777777" w:rsidR="00342923" w:rsidRPr="00342923" w:rsidRDefault="00342923" w:rsidP="00FC1850">
            <w:pPr>
              <w:pStyle w:val="Ingenafsta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</w:rPr>
            </w:pPr>
            <w:r w:rsidRPr="00342923">
              <w:rPr>
                <w:rFonts w:ascii="Times New Roman" w:hAnsi="Times New Roman" w:cs="Times New Roman"/>
              </w:rPr>
              <w:t>Any of ICD-10/NOMESCO for disease-/procedure 9-12</w:t>
            </w:r>
          </w:p>
        </w:tc>
      </w:tr>
    </w:tbl>
    <w:p w14:paraId="5C51EF83" w14:textId="77777777" w:rsidR="00342923" w:rsidRPr="00342923" w:rsidRDefault="00342923" w:rsidP="00342923">
      <w:pPr>
        <w:spacing w:after="160"/>
        <w:rPr>
          <w:b/>
          <w:bCs/>
        </w:rPr>
      </w:pPr>
    </w:p>
    <w:p w14:paraId="4E5E668E" w14:textId="77777777" w:rsidR="00342923" w:rsidRPr="00342923" w:rsidRDefault="00342923" w:rsidP="00342923">
      <w:pPr>
        <w:spacing w:line="240" w:lineRule="auto"/>
      </w:pPr>
      <w:r w:rsidRPr="00342923">
        <w:rPr>
          <w:b/>
          <w:bCs/>
        </w:rPr>
        <w:lastRenderedPageBreak/>
        <w:t xml:space="preserve">eTable 2. </w:t>
      </w:r>
      <w:r w:rsidRPr="00342923">
        <w:t>Overview of the positive predictive value of amyloidosis or amyloidosis subtypes confirmed by medical record review for each ICD-10 amyloidosis diagnosis group in the Danish National Patient Registry</w:t>
      </w:r>
    </w:p>
    <w:tbl>
      <w:tblPr>
        <w:tblStyle w:val="Tabel-Gitter"/>
        <w:tblpPr w:leftFromText="141" w:rightFromText="141" w:vertAnchor="text" w:horzAnchor="page" w:tblpX="1072" w:tblpY="171"/>
        <w:tblW w:w="5699" w:type="pct"/>
        <w:tblBorders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1271"/>
        <w:gridCol w:w="993"/>
        <w:gridCol w:w="992"/>
        <w:gridCol w:w="992"/>
        <w:gridCol w:w="851"/>
        <w:gridCol w:w="980"/>
        <w:gridCol w:w="719"/>
        <w:gridCol w:w="995"/>
        <w:gridCol w:w="1136"/>
        <w:gridCol w:w="998"/>
        <w:gridCol w:w="1139"/>
        <w:gridCol w:w="995"/>
        <w:gridCol w:w="1264"/>
        <w:gridCol w:w="1004"/>
        <w:gridCol w:w="976"/>
      </w:tblGrid>
      <w:tr w:rsidR="00342923" w:rsidRPr="00342923" w14:paraId="4EE7ABC3" w14:textId="77777777" w:rsidTr="00342923">
        <w:trPr>
          <w:cantSplit/>
          <w:trHeight w:val="1718"/>
        </w:trPr>
        <w:tc>
          <w:tcPr>
            <w:tcW w:w="415" w:type="pct"/>
            <w:vMerge w:val="restart"/>
            <w:tcBorders>
              <w:top w:val="single" w:sz="4" w:space="0" w:color="002D56" w:themeColor="background2" w:themeShade="BF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169139FE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rPr>
                <w:sz w:val="16"/>
                <w:szCs w:val="16"/>
              </w:rPr>
            </w:pPr>
          </w:p>
        </w:tc>
        <w:tc>
          <w:tcPr>
            <w:tcW w:w="648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C6A880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>All registered with any amyloidosis diagnosis code (E85x)</w:t>
            </w:r>
          </w:p>
        </w:tc>
        <w:tc>
          <w:tcPr>
            <w:tcW w:w="602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DF1950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rPr>
                <w:b/>
                <w:bCs/>
                <w:sz w:val="16"/>
                <w:szCs w:val="16"/>
              </w:rPr>
            </w:pPr>
          </w:p>
          <w:p w14:paraId="37EF7D5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 xml:space="preserve">Hereditary amyloidosis without neurologic </w:t>
            </w:r>
            <w:r w:rsidRPr="00342923">
              <w:rPr>
                <w:b/>
                <w:bCs/>
                <w:sz w:val="16"/>
                <w:szCs w:val="16"/>
                <w:shd w:val="clear" w:color="auto" w:fill="FFFFFF" w:themeFill="background1"/>
              </w:rPr>
              <w:t>symptom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 xml:space="preserve"> (E850) +</w:t>
            </w:r>
          </w:p>
          <w:p w14:paraId="79A780C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color w:val="002E2E"/>
                <w:sz w:val="16"/>
                <w:szCs w:val="16"/>
                <w:shd w:val="clear" w:color="auto" w:fill="FFFFFF"/>
              </w:rPr>
            </w:pPr>
            <w:r w:rsidRPr="00342923">
              <w:rPr>
                <w:b/>
                <w:bCs/>
                <w:sz w:val="16"/>
                <w:szCs w:val="16"/>
              </w:rPr>
              <w:t xml:space="preserve">Hereditary nerve </w:t>
            </w:r>
            <w:r w:rsidRPr="00342923">
              <w:rPr>
                <w:b/>
                <w:bCs/>
                <w:sz w:val="16"/>
                <w:szCs w:val="16"/>
                <w:shd w:val="clear" w:color="auto" w:fill="FFFFFF" w:themeFill="background1"/>
              </w:rPr>
              <w:t>amyloidosi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 xml:space="preserve"> (E851)</w:t>
            </w:r>
          </w:p>
          <w:p w14:paraId="2A04A29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color w:val="002E2E"/>
                <w:sz w:val="16"/>
                <w:szCs w:val="16"/>
                <w:shd w:val="clear" w:color="auto" w:fill="FFFFFF"/>
              </w:rPr>
            </w:pP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>+</w:t>
            </w:r>
            <w:r w:rsidRPr="00342923">
              <w:rPr>
                <w:b/>
                <w:bCs/>
                <w:sz w:val="16"/>
                <w:szCs w:val="16"/>
              </w:rPr>
              <w:t xml:space="preserve"> Hereditary amyloidosis </w:t>
            </w:r>
            <w:r w:rsidRPr="00342923">
              <w:rPr>
                <w:b/>
                <w:bCs/>
                <w:sz w:val="16"/>
                <w:szCs w:val="16"/>
                <w:shd w:val="clear" w:color="auto" w:fill="FFFFFF" w:themeFill="background1"/>
              </w:rPr>
              <w:t>UN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 xml:space="preserve"> (E852)</w:t>
            </w:r>
          </w:p>
        </w:tc>
        <w:tc>
          <w:tcPr>
            <w:tcW w:w="555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0EDE7990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>Amyloidosis with polyneuropathy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/>
              </w:rPr>
              <w:t xml:space="preserve"> 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>(E851A)</w:t>
            </w:r>
          </w:p>
        </w:tc>
        <w:tc>
          <w:tcPr>
            <w:tcW w:w="696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07EA42B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 xml:space="preserve">Secondary systemic </w:t>
            </w:r>
            <w:r w:rsidRPr="00342923">
              <w:rPr>
                <w:b/>
                <w:bCs/>
                <w:sz w:val="16"/>
                <w:szCs w:val="16"/>
                <w:shd w:val="clear" w:color="auto" w:fill="FFFFFF" w:themeFill="background1"/>
              </w:rPr>
              <w:t>amyloidosi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 xml:space="preserve"> (E853)</w:t>
            </w:r>
          </w:p>
        </w:tc>
        <w:tc>
          <w:tcPr>
            <w:tcW w:w="698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10DF8D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>Localized amyloidosi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/>
              </w:rPr>
              <w:t xml:space="preserve"> 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>(E854)</w:t>
            </w:r>
          </w:p>
        </w:tc>
        <w:tc>
          <w:tcPr>
            <w:tcW w:w="738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01016D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>AL amyloidosis (E858A)</w:t>
            </w:r>
          </w:p>
        </w:tc>
        <w:tc>
          <w:tcPr>
            <w:tcW w:w="647" w:type="pct"/>
            <w:gridSpan w:val="2"/>
            <w:tcBorders>
              <w:top w:val="single" w:sz="4" w:space="0" w:color="002D56" w:themeColor="background2" w:themeShade="BF"/>
              <w:left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1448FB9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/>
                <w:bCs/>
                <w:sz w:val="16"/>
                <w:szCs w:val="16"/>
              </w:rPr>
            </w:pPr>
            <w:r w:rsidRPr="00342923">
              <w:rPr>
                <w:b/>
                <w:bCs/>
                <w:sz w:val="16"/>
                <w:szCs w:val="16"/>
              </w:rPr>
              <w:t xml:space="preserve">Amyloidosis </w:t>
            </w:r>
            <w:r w:rsidRPr="00342923">
              <w:rPr>
                <w:b/>
                <w:bCs/>
                <w:sz w:val="16"/>
                <w:szCs w:val="16"/>
                <w:shd w:val="clear" w:color="auto" w:fill="FFFFFF" w:themeFill="background1"/>
              </w:rPr>
              <w:t>UNS</w:t>
            </w:r>
            <w:r w:rsidRPr="00342923">
              <w:rPr>
                <w:b/>
                <w:bCs/>
                <w:color w:val="002E2E"/>
                <w:sz w:val="16"/>
                <w:szCs w:val="16"/>
                <w:shd w:val="clear" w:color="auto" w:fill="FFFFFF" w:themeFill="background1"/>
              </w:rPr>
              <w:t xml:space="preserve"> (E859)</w:t>
            </w:r>
          </w:p>
        </w:tc>
      </w:tr>
      <w:tr w:rsidR="00342923" w:rsidRPr="00342923" w14:paraId="6B8AAF2D" w14:textId="77777777" w:rsidTr="00342923">
        <w:trPr>
          <w:cantSplit/>
          <w:trHeight w:val="799"/>
        </w:trPr>
        <w:tc>
          <w:tcPr>
            <w:tcW w:w="415" w:type="pct"/>
            <w:vMerge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8B5399F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rPr>
                <w:sz w:val="16"/>
                <w:szCs w:val="16"/>
              </w:rPr>
            </w:pP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B70642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31BFDCE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88A597E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E980CD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0A326F2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BDFD29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649F8C8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7DEF96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013910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9AFAFDB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53FA372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121CD45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8CCB99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Confirmed / total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70F7BFE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PPV</w:t>
            </w:r>
          </w:p>
        </w:tc>
      </w:tr>
      <w:tr w:rsidR="00342923" w:rsidRPr="00342923" w14:paraId="59BB0A03" w14:textId="77777777" w:rsidTr="00342923">
        <w:trPr>
          <w:cantSplit/>
          <w:trHeight w:val="413"/>
        </w:trPr>
        <w:tc>
          <w:tcPr>
            <w:tcW w:w="415" w:type="pct"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26F47A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Amyloidosis overall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21CF10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313 / 334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6B57F3E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94 (91–96)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8340A7B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11 / 14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6F82E16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33 (6–79)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0B0D382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7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152F276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D08477B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 / 6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1AB0D14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83 (44–97)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A21987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15 / 15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65E33C7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100 (80–100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59945BC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49 / 50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B91CF5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98 (90–99)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13CCF61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224 / 234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390A430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96 (92–98)</w:t>
            </w:r>
          </w:p>
        </w:tc>
      </w:tr>
      <w:tr w:rsidR="00342923" w:rsidRPr="00342923" w14:paraId="23CEAA51" w14:textId="77777777" w:rsidTr="00342923">
        <w:trPr>
          <w:cantSplit/>
          <w:trHeight w:val="319"/>
        </w:trPr>
        <w:tc>
          <w:tcPr>
            <w:tcW w:w="415" w:type="pct"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77BE915" w14:textId="77777777" w:rsidR="00342923" w:rsidRPr="00342923" w:rsidRDefault="00342923" w:rsidP="00FC1850">
            <w:pPr>
              <w:adjustRightInd w:val="0"/>
              <w:spacing w:line="240" w:lineRule="auto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ATTRwt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67A9BC3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217 / 334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5A69844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65 (60–79)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132C6670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14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962825F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3304C6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7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EEF053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2A8295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6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846829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340D879E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6 / 15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0618964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42 (20–64)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784A38D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50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5273BDD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3D47A9D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200 / 234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014A8B4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85 (80–90)</w:t>
            </w:r>
          </w:p>
        </w:tc>
      </w:tr>
      <w:tr w:rsidR="00342923" w:rsidRPr="00342923" w14:paraId="0890C6C2" w14:textId="77777777" w:rsidTr="00342923">
        <w:trPr>
          <w:cantSplit/>
          <w:trHeight w:val="499"/>
        </w:trPr>
        <w:tc>
          <w:tcPr>
            <w:tcW w:w="415" w:type="pct"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A68B8BF" w14:textId="77777777" w:rsidR="00342923" w:rsidRPr="00342923" w:rsidRDefault="00342923" w:rsidP="00FC1850">
            <w:pPr>
              <w:adjustRightInd w:val="0"/>
              <w:spacing w:line="240" w:lineRule="auto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AL amyloidosis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E845C2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78 / 334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6CF2CF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23 (19–28)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74FCC470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14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008EC2F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1159855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7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325D324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3C5E6ED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6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0DCEE58E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55493BF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8 / 15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58D9810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3 (30–75)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540FA64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45 / 50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76A02F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90 (79–96)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3900F1D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19 / 234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744B51DF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8 (5–12)</w:t>
            </w:r>
          </w:p>
        </w:tc>
      </w:tr>
      <w:tr w:rsidR="00342923" w:rsidRPr="00342923" w14:paraId="117DAB3D" w14:textId="77777777" w:rsidTr="00342923">
        <w:trPr>
          <w:cantSplit/>
          <w:trHeight w:val="313"/>
        </w:trPr>
        <w:tc>
          <w:tcPr>
            <w:tcW w:w="415" w:type="pct"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3525C5F0" w14:textId="77777777" w:rsidR="00342923" w:rsidRPr="00342923" w:rsidRDefault="00342923" w:rsidP="00FC1850">
            <w:pPr>
              <w:adjustRightInd w:val="0"/>
              <w:spacing w:line="240" w:lineRule="auto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ATTRv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05274A4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11 / 334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F59413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3 (2–6)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E279008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8 / 14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3ECD4D7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bCs/>
                <w:sz w:val="16"/>
                <w:szCs w:val="16"/>
              </w:rPr>
              <w:t>57 (33–79)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65217770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7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4FF00025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54259F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6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1D82405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28EBC4EB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15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77EE2763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0669EDC4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50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3D73" w:themeColor="background2"/>
            </w:tcBorders>
            <w:vAlign w:val="center"/>
          </w:tcPr>
          <w:p w14:paraId="28D321C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bCs/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3D73" w:themeColor="background2"/>
            </w:tcBorders>
            <w:vAlign w:val="center"/>
          </w:tcPr>
          <w:p w14:paraId="46C414F4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234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3D73" w:themeColor="background2"/>
              <w:right w:val="single" w:sz="4" w:space="0" w:color="002D56" w:themeColor="background2" w:themeShade="BF"/>
            </w:tcBorders>
            <w:vAlign w:val="center"/>
          </w:tcPr>
          <w:p w14:paraId="6B64B4EC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</w:tr>
      <w:tr w:rsidR="00342923" w:rsidRPr="00342923" w14:paraId="2587DF24" w14:textId="77777777" w:rsidTr="00342923">
        <w:trPr>
          <w:cantSplit/>
          <w:trHeight w:val="665"/>
        </w:trPr>
        <w:tc>
          <w:tcPr>
            <w:tcW w:w="415" w:type="pct"/>
            <w:tcBorders>
              <w:top w:val="single" w:sz="4" w:space="0" w:color="003D73" w:themeColor="background2"/>
              <w:left w:val="single" w:sz="4" w:space="0" w:color="002D56" w:themeColor="background2" w:themeShade="BF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1D1EED0C" w14:textId="77777777" w:rsidR="00342923" w:rsidRPr="00342923" w:rsidRDefault="00342923" w:rsidP="00FC1850">
            <w:pPr>
              <w:adjustRightInd w:val="0"/>
              <w:spacing w:line="240" w:lineRule="auto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Other non-prespecified subtypes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4678AD7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7 / 334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1EA297D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2 (1–4)</w:t>
            </w:r>
          </w:p>
        </w:tc>
        <w:tc>
          <w:tcPr>
            <w:tcW w:w="324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5EA84AD4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14</w:t>
            </w:r>
          </w:p>
        </w:tc>
        <w:tc>
          <w:tcPr>
            <w:tcW w:w="278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794B8F8A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0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62CE89E1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7</w:t>
            </w:r>
          </w:p>
        </w:tc>
        <w:tc>
          <w:tcPr>
            <w:tcW w:w="235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288C7A8B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3045FF5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6</w:t>
            </w:r>
          </w:p>
        </w:tc>
        <w:tc>
          <w:tcPr>
            <w:tcW w:w="371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08625699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6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3FA0EDD2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15</w:t>
            </w:r>
          </w:p>
        </w:tc>
        <w:tc>
          <w:tcPr>
            <w:tcW w:w="372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1BD05AA5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5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23323F1D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50</w:t>
            </w:r>
          </w:p>
        </w:tc>
        <w:tc>
          <w:tcPr>
            <w:tcW w:w="413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3D73" w:themeColor="background2"/>
            </w:tcBorders>
            <w:vAlign w:val="center"/>
          </w:tcPr>
          <w:p w14:paraId="59AC06D6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  <w:tc>
          <w:tcPr>
            <w:tcW w:w="328" w:type="pct"/>
            <w:tcBorders>
              <w:top w:val="single" w:sz="4" w:space="0" w:color="003D73" w:themeColor="background2"/>
              <w:left w:val="single" w:sz="4" w:space="0" w:color="003D73" w:themeColor="background2"/>
              <w:bottom w:val="single" w:sz="4" w:space="0" w:color="002D56" w:themeColor="background2" w:themeShade="BF"/>
            </w:tcBorders>
            <w:vAlign w:val="center"/>
          </w:tcPr>
          <w:p w14:paraId="378F2EA3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5&gt; / 234</w:t>
            </w:r>
          </w:p>
        </w:tc>
        <w:tc>
          <w:tcPr>
            <w:tcW w:w="319" w:type="pct"/>
            <w:tcBorders>
              <w:top w:val="single" w:sz="4" w:space="0" w:color="003D73" w:themeColor="background2"/>
              <w:bottom w:val="single" w:sz="4" w:space="0" w:color="002D56" w:themeColor="background2" w:themeShade="BF"/>
              <w:right w:val="single" w:sz="4" w:space="0" w:color="002D56" w:themeColor="background2" w:themeShade="BF"/>
            </w:tcBorders>
            <w:vAlign w:val="center"/>
          </w:tcPr>
          <w:p w14:paraId="0AFCF677" w14:textId="77777777" w:rsidR="00342923" w:rsidRPr="00342923" w:rsidRDefault="00342923" w:rsidP="00FC1850">
            <w:pPr>
              <w:adjustRightInd w:val="0"/>
              <w:spacing w:line="240" w:lineRule="auto"/>
              <w:contextualSpacing/>
              <w:jc w:val="center"/>
              <w:rPr>
                <w:sz w:val="16"/>
                <w:szCs w:val="16"/>
              </w:rPr>
            </w:pPr>
            <w:r w:rsidRPr="00342923">
              <w:rPr>
                <w:sz w:val="16"/>
                <w:szCs w:val="16"/>
              </w:rPr>
              <w:t>-</w:t>
            </w:r>
          </w:p>
        </w:tc>
      </w:tr>
    </w:tbl>
    <w:p w14:paraId="68882C7C" w14:textId="77777777" w:rsidR="00342923" w:rsidRPr="00342923" w:rsidRDefault="00342923" w:rsidP="00342923">
      <w:pPr>
        <w:spacing w:line="240" w:lineRule="auto"/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</w:pPr>
      <w:r w:rsidRPr="00342923">
        <w:rPr>
          <w:rStyle w:val="Fremhv"/>
          <w:rFonts w:ascii="Times New Roman" w:eastAsiaTheme="majorEastAsia" w:hAnsi="Times New Roman"/>
          <w:b/>
          <w:bCs/>
          <w:i w:val="0"/>
          <w:iCs w:val="0"/>
          <w:color w:val="000000" w:themeColor="text1"/>
          <w:sz w:val="18"/>
          <w:szCs w:val="18"/>
        </w:rPr>
        <w:t>Abbreviations</w:t>
      </w:r>
      <w:r w:rsidRPr="00342923"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  <w:t>: AL, amyloid light chain; ATTRv, variant transthyretin amyloidosis; ATTRwt, wild-type transthyretin amyloidosis; PPV, positive predictive value; UNS, unspecified</w:t>
      </w:r>
    </w:p>
    <w:p w14:paraId="4B1F8B08" w14:textId="77777777" w:rsidR="00342923" w:rsidRPr="00342923" w:rsidRDefault="00342923" w:rsidP="00342923">
      <w:pPr>
        <w:snapToGrid w:val="0"/>
        <w:spacing w:line="240" w:lineRule="auto"/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</w:pPr>
      <w:r w:rsidRPr="00342923"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  <w:t>PPV is shown with estimate (95% confidence interval).</w:t>
      </w:r>
    </w:p>
    <w:p w14:paraId="142580A9" w14:textId="77777777" w:rsidR="00342923" w:rsidRPr="00342923" w:rsidRDefault="00342923" w:rsidP="00342923">
      <w:pPr>
        <w:spacing w:line="240" w:lineRule="auto"/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</w:pPr>
      <w:r w:rsidRPr="00342923"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  <w:t>All results with less than 5 observations are not specified.</w:t>
      </w:r>
    </w:p>
    <w:p w14:paraId="7DC58332" w14:textId="77777777" w:rsidR="00342923" w:rsidRPr="00342923" w:rsidRDefault="00342923" w:rsidP="00342923">
      <w:pPr>
        <w:spacing w:line="240" w:lineRule="auto"/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</w:pPr>
      <w:r w:rsidRPr="00342923">
        <w:rPr>
          <w:rStyle w:val="Fremhv"/>
          <w:rFonts w:ascii="Times New Roman" w:eastAsiaTheme="majorEastAsia" w:hAnsi="Times New Roman"/>
          <w:i w:val="0"/>
          <w:iCs w:val="0"/>
          <w:color w:val="000000" w:themeColor="text1"/>
          <w:sz w:val="18"/>
          <w:szCs w:val="18"/>
        </w:rPr>
        <w:t>DE85 (Amyloidosis) and DE858 (Other amyloidosis) not specified due to fewer than 5 total registrations, and DE850A (Familial Mediterranean fever) was excluded by design.</w:t>
      </w:r>
    </w:p>
    <w:p w14:paraId="1D471106" w14:textId="77777777" w:rsidR="00342923" w:rsidRPr="00342923" w:rsidRDefault="00342923" w:rsidP="00342923">
      <w:pPr>
        <w:spacing w:after="160" w:line="259" w:lineRule="auto"/>
        <w:rPr>
          <w:rFonts w:eastAsiaTheme="minorHAnsi"/>
          <w:color w:val="000000"/>
          <w:sz w:val="18"/>
          <w:szCs w:val="18"/>
          <w:lang w:eastAsia="en-US"/>
        </w:rPr>
      </w:pPr>
      <w:r w:rsidRPr="00342923">
        <w:rPr>
          <w:rFonts w:eastAsiaTheme="minorHAnsi"/>
          <w:color w:val="000000"/>
          <w:sz w:val="18"/>
          <w:szCs w:val="18"/>
          <w:lang w:eastAsia="en-US"/>
        </w:rPr>
        <w:t>All ICD-10 amyloidosis diagnosis groups are: Primary or secondary, inpatient or outpatient ICD-10 diagnoses.</w:t>
      </w:r>
    </w:p>
    <w:p w14:paraId="4A64D065" w14:textId="77777777" w:rsidR="00342923" w:rsidRPr="00342923" w:rsidRDefault="00342923" w:rsidP="00342923">
      <w:pPr>
        <w:spacing w:after="160" w:line="259" w:lineRule="auto"/>
        <w:rPr>
          <w:rFonts w:eastAsiaTheme="minorHAnsi"/>
          <w:color w:val="000000"/>
          <w:sz w:val="18"/>
          <w:szCs w:val="18"/>
          <w:lang w:eastAsia="en-US"/>
        </w:rPr>
      </w:pPr>
    </w:p>
    <w:p w14:paraId="189B9BE5" w14:textId="77777777" w:rsidR="00342923" w:rsidRPr="00342923" w:rsidRDefault="00342923" w:rsidP="00342923">
      <w:pPr>
        <w:spacing w:after="160" w:line="259" w:lineRule="auto"/>
        <w:rPr>
          <w:rFonts w:eastAsiaTheme="minorHAnsi"/>
          <w:color w:val="000000"/>
          <w:sz w:val="18"/>
          <w:szCs w:val="18"/>
          <w:lang w:eastAsia="en-US"/>
        </w:rPr>
      </w:pPr>
    </w:p>
    <w:p w14:paraId="24B85491" w14:textId="77777777" w:rsidR="00342923" w:rsidRPr="00342923" w:rsidRDefault="00342923" w:rsidP="00342923">
      <w:pPr>
        <w:spacing w:after="160" w:line="259" w:lineRule="auto"/>
        <w:rPr>
          <w:rFonts w:eastAsiaTheme="minorHAnsi"/>
          <w:color w:val="000000"/>
          <w:sz w:val="18"/>
          <w:szCs w:val="18"/>
          <w:lang w:eastAsia="en-US"/>
        </w:rPr>
      </w:pPr>
    </w:p>
    <w:p w14:paraId="4E91173E" w14:textId="77777777" w:rsidR="00342923" w:rsidRPr="00342923" w:rsidRDefault="00342923" w:rsidP="00342923">
      <w:pPr>
        <w:spacing w:after="160" w:line="259" w:lineRule="auto"/>
        <w:rPr>
          <w:rFonts w:eastAsiaTheme="minorHAnsi"/>
          <w:color w:val="000000"/>
          <w:sz w:val="18"/>
          <w:szCs w:val="18"/>
          <w:lang w:eastAsia="en-US"/>
        </w:rPr>
      </w:pPr>
    </w:p>
    <w:p w14:paraId="2F3573D3" w14:textId="77777777" w:rsidR="00342923" w:rsidRPr="00342923" w:rsidRDefault="00342923" w:rsidP="00342923">
      <w:pPr>
        <w:spacing w:after="160" w:line="259" w:lineRule="auto"/>
        <w:rPr>
          <w:rFonts w:eastAsiaTheme="majorEastAsia"/>
          <w:color w:val="000000" w:themeColor="text1"/>
          <w:sz w:val="16"/>
          <w:szCs w:val="16"/>
        </w:rPr>
      </w:pPr>
    </w:p>
    <w:p w14:paraId="22B5C3F1" w14:textId="77777777" w:rsidR="00404FD1" w:rsidRPr="00342923" w:rsidRDefault="00404FD1" w:rsidP="007146EF"/>
    <w:sectPr w:rsidR="00404FD1" w:rsidRPr="00342923" w:rsidSect="00342923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6840" w:h="11907" w:orient="landscape" w:code="9"/>
      <w:pgMar w:top="1134" w:right="1701" w:bottom="1134" w:left="1701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AEF6362" w14:textId="77777777" w:rsidR="000826AB" w:rsidRPr="005A5846" w:rsidRDefault="000826AB">
      <w:r w:rsidRPr="005A5846">
        <w:separator/>
      </w:r>
    </w:p>
  </w:endnote>
  <w:endnote w:type="continuationSeparator" w:id="0">
    <w:p w14:paraId="68E507B4" w14:textId="77777777" w:rsidR="000826AB" w:rsidRPr="005A5846" w:rsidRDefault="000826AB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" w:fontKey="{051E683C-D6BE-4268-BB13-DFA75DF5E653}"/>
    <w:embedBold r:id="rId2" w:fontKey="{15B7D10A-4640-4505-AD8B-6BD424D20A35}"/>
    <w:embedItalic r:id="rId3" w:fontKey="{61C3E868-CDD0-4F82-BFB6-4F4485523134}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4" w:fontKey="{173E7725-BD93-4D80-858F-56E384633522}"/>
    <w:embedBold r:id="rId5" w:fontKey="{456DE160-5280-4E1B-BB3C-6D0665C084B2}"/>
    <w:embedItalic r:id="rId6" w:fontKey="{B4B34BC5-7606-4276-BE9D-CAD84A9DF042}"/>
    <w:embedBoldItalic r:id="rId7" w:fontKey="{F31F5D67-8C8D-4B1E-8F53-3E8DE399D553}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AA1EAAB8-8290-43FA-B7CE-18126A6C47C1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EF11EC48-FD2D-4613-9047-1E4E2299EB68}"/>
    <w:embedBold r:id="rId10" w:fontKey="{5924C5E4-8BFD-4335-95E3-4F1921402991}"/>
    <w:embedItalic r:id="rId11" w:fontKey="{B7CBB9F9-DEEB-4103-8206-E35C93509937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67A5FBD4-15B6-4E7C-A696-7666BEA1F9A1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5AA3B8CC-09DE-4D41-907B-B2BA418AC280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14" w:fontKey="{AF84A399-E37D-4C90-A093-9BE263C72500}"/>
    <w:embedBold r:id="rId15" w:fontKey="{5201C8EF-A6D1-4416-87B8-2AD90FA7841D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6" w:fontKey="{238E295D-9DAE-4CF7-A935-116C7C6E8C92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F8A169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143E42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117F29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F892C1D" w14:textId="77777777" w:rsidR="000826AB" w:rsidRPr="005A5846" w:rsidRDefault="000826AB">
      <w:r w:rsidRPr="005A5846">
        <w:separator/>
      </w:r>
    </w:p>
  </w:footnote>
  <w:footnote w:type="continuationSeparator" w:id="0">
    <w:p w14:paraId="65867DA1" w14:textId="77777777" w:rsidR="000826AB" w:rsidRPr="005A5846" w:rsidRDefault="000826AB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5D7160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10ED92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DA0999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1C27957"/>
    <w:multiLevelType w:val="hybridMultilevel"/>
    <w:tmpl w:val="8A123C7A"/>
    <w:lvl w:ilvl="0" w:tplc="04100017">
      <w:start w:val="1"/>
      <w:numFmt w:val="lowerLetter"/>
      <w:lvlText w:val="%1)"/>
      <w:lvlJc w:val="left"/>
      <w:pPr>
        <w:ind w:left="720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6EAD282A"/>
    <w:multiLevelType w:val="hybridMultilevel"/>
    <w:tmpl w:val="14CADF98"/>
    <w:lvl w:ilvl="0" w:tplc="8086315C">
      <w:start w:val="10"/>
      <w:numFmt w:val="bullet"/>
      <w:lvlText w:val="-"/>
      <w:lvlJc w:val="left"/>
      <w:pPr>
        <w:ind w:left="720" w:hanging="360"/>
      </w:pPr>
      <w:rPr>
        <w:rFonts w:ascii="Times New Roman" w:eastAsiaTheme="minorHAnsi" w:hAnsi="Times New Roman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8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3"/>
  </w:num>
  <w:num w:numId="16" w16cid:durableId="1695569496">
    <w:abstractNumId w:val="20"/>
  </w:num>
  <w:num w:numId="17" w16cid:durableId="1333147944">
    <w:abstractNumId w:val="13"/>
  </w:num>
  <w:num w:numId="18" w16cid:durableId="1651203249">
    <w:abstractNumId w:val="19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1283416280">
    <w:abstractNumId w:val="17"/>
  </w:num>
  <w:num w:numId="24" w16cid:durableId="736509643">
    <w:abstractNumId w:val="22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42923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826AB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7476E"/>
    <w:rsid w:val="00281A57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42923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6D1E179"/>
  <w15:docId w15:val="{5356DE0C-161C-4776-BE07-97ED666F6A8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342923"/>
    <w:pPr>
      <w:spacing w:line="480" w:lineRule="auto"/>
    </w:pPr>
    <w:rPr>
      <w:rFonts w:ascii="Times New Roman" w:hAnsi="Times New Roman"/>
      <w:sz w:val="24"/>
      <w:szCs w:val="24"/>
      <w:lang w:val="en-GB"/>
    </w:rPr>
  </w:style>
  <w:style w:type="paragraph" w:styleId="Overskrift1">
    <w:name w:val="heading 1"/>
    <w:basedOn w:val="Normal"/>
    <w:next w:val="Normal"/>
    <w:link w:val="Overskrift1Tegn"/>
    <w:autoRedefine/>
    <w:uiPriority w:val="9"/>
    <w:qFormat/>
    <w:rsid w:val="00D27191"/>
    <w:pPr>
      <w:keepNext/>
      <w:keepLines/>
      <w:spacing w:before="240" w:line="240" w:lineRule="auto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9"/>
    <w:qFormat/>
    <w:rsid w:val="00D27191"/>
    <w:pPr>
      <w:keepNext/>
      <w:keepLines/>
      <w:spacing w:before="40" w:line="240" w:lineRule="auto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line="240" w:lineRule="auto"/>
      <w:outlineLvl w:val="2"/>
    </w:pPr>
    <w:rPr>
      <w:rFonts w:ascii="AU Passata" w:eastAsiaTheme="majorEastAsia" w:hAnsi="AU Passata" w:cstheme="majorBidi"/>
      <w:b/>
      <w:sz w:val="19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line="240" w:lineRule="auto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line="240" w:lineRule="auto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line="240" w:lineRule="auto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line="240" w:lineRule="auto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line="240" w:lineRule="auto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line="240" w:lineRule="auto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20"/>
    <w:qFormat/>
    <w:rsid w:val="00D27191"/>
    <w:rPr>
      <w:rFonts w:ascii="Georgia" w:hAnsi="Georgia"/>
      <w:i/>
      <w:iCs/>
      <w:sz w:val="20"/>
      <w:lang w:val="en-GB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en-GB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en-GB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definition">
    <w:name w:val="HTML Definition"/>
    <w:uiPriority w:val="99"/>
    <w:semiHidden/>
    <w:rsid w:val="005802EE"/>
    <w:rPr>
      <w:i/>
      <w:iCs/>
      <w:lang w:val="en-GB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-variabel">
    <w:name w:val="HTML Variable"/>
    <w:uiPriority w:val="99"/>
    <w:semiHidden/>
    <w:rsid w:val="005802EE"/>
    <w:rPr>
      <w:i/>
      <w:iCs/>
      <w:lang w:val="en-GB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en-GB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802EE"/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uiPriority w:val="39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uiPriority w:val="1"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table" w:styleId="Almindeligtabel4">
    <w:name w:val="Plain Table 4"/>
    <w:basedOn w:val="Tabel-Normal"/>
    <w:uiPriority w:val="44"/>
    <w:rsid w:val="00342923"/>
    <w:pPr>
      <w:spacing w:line="240" w:lineRule="auto"/>
    </w:pPr>
    <w:rPr>
      <w:rFonts w:ascii="Verdana" w:eastAsiaTheme="minorHAnsi" w:hAnsi="Verdana" w:cstheme="minorBidi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6" Type="http://schemas.openxmlformats.org/officeDocument/2006/relationships/font" Target="fonts/font16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5" Type="http://schemas.openxmlformats.org/officeDocument/2006/relationships/font" Target="fonts/font1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339092\AppData\Local\Temp\Templafy\WordVsto\upll5w5g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pll5w5g</Template>
  <TotalTime>5</TotalTime>
  <Pages>2</Pages>
  <Words>529</Words>
  <Characters>2652</Characters>
  <Application>Microsoft Office Word</Application>
  <DocSecurity>0</DocSecurity>
  <Lines>188</Lines>
  <Paragraphs>15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30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Jens Skov</dc:creator>
  <cp:lastModifiedBy>Jens Skov</cp:lastModifiedBy>
  <cp:revision>1</cp:revision>
  <dcterms:created xsi:type="dcterms:W3CDTF">2025-11-03T07:22:00Z</dcterms:created>
  <dcterms:modified xsi:type="dcterms:W3CDTF">2025-11-03T07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210677528261562360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  <property fmtid="{D5CDD505-2E9C-101B-9397-08002B2CF9AE}" pid="11" name="GrammarlyDocumentId">
    <vt:lpwstr>dd4f9ff1-37bf-4ee5-8b43-d20a5da3d56b</vt:lpwstr>
  </property>
</Properties>
</file>